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58AFDA09" w:rsidR="009000CE" w:rsidRDefault="002A2413" w:rsidP="00ED34AE">
                <w:pPr>
                  <w:pStyle w:val="Title"/>
                </w:pPr>
                <w:r>
                  <w:t>Traffic Data Analyzer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39F47760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2A2413">
                  <w:t>Joshua Thomas (s5220078), Roger Harley (s5221666)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52AE92A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09-10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A2413">
                  <w:t>September 10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75E745E" w14:textId="77777777" w:rsidR="00842744" w:rsidRDefault="00842744">
      <w:pPr>
        <w:spacing w:after="0" w:line="240" w:lineRule="auto"/>
      </w:pPr>
      <w:r>
        <w:separator/>
      </w:r>
    </w:p>
  </w:endnote>
  <w:endnote w:type="continuationSeparator" w:id="0">
    <w:p w14:paraId="67FCF7A5" w14:textId="77777777" w:rsidR="00842744" w:rsidRDefault="0084274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4E3EA719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2A2413">
                <w:t>Traffic Data Analyzer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2A2413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Joshua Thomas (s5220078), Roger Harley (s5221666)</w:t>
              </w:r>
            </w:sdtContent>
          </w:sdt>
        </w:p>
      </w:tc>
      <w:tc>
        <w:tcPr>
          <w:tcW w:w="4675" w:type="dxa"/>
        </w:tcPr>
        <w:p w14:paraId="66753B50" w14:textId="369D7F9B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2A2413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5DFADEFD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2A2413">
          <w:t>Traffic Data Analyzer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2A2413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Joshua Thomas (s5220078), Roger Harley (s5221666)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A632A38" w14:textId="77777777" w:rsidR="00842744" w:rsidRDefault="00842744">
      <w:pPr>
        <w:spacing w:after="0" w:line="240" w:lineRule="auto"/>
      </w:pPr>
      <w:r>
        <w:separator/>
      </w:r>
    </w:p>
  </w:footnote>
  <w:footnote w:type="continuationSeparator" w:id="0">
    <w:p w14:paraId="45C4AE7B" w14:textId="77777777" w:rsidR="00842744" w:rsidRDefault="00842744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6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A2413"/>
    <w:rsid w:val="002D4235"/>
    <w:rsid w:val="00842744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43E7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7</TotalTime>
  <Pages>4</Pages>
  <Words>132</Words>
  <Characters>757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ffic Data Analyzer Executive Summary</dc:title>
  <dc:creator>Joshua Thomas (s5220078), Roger Harley (s5221666)</dc:creator>
  <cp:keywords/>
  <cp:lastModifiedBy>Joshua Thomas</cp:lastModifiedBy>
  <cp:revision>6</cp:revision>
  <dcterms:created xsi:type="dcterms:W3CDTF">2017-08-28T03:16:00Z</dcterms:created>
  <dcterms:modified xsi:type="dcterms:W3CDTF">2022-10-08T11:5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